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briana\Box Sync\s100\NIPWG\NIPWG-Italy\"/>
    </mc:Choice>
  </mc:AlternateContent>
  <bookViews>
    <workbookView xWindow="0" yWindow="0" windowWidth="4090" windowHeight="5310" tabRatio="318"/>
  </bookViews>
  <sheets>
    <sheet name="Comparison" sheetId="1" r:id="rId1"/>
    <sheet name="To-Do in the future" sheetId="2" r:id="rId2"/>
  </sheets>
  <calcPr calcId="125725"/>
</workbook>
</file>

<file path=xl/sharedStrings.xml><?xml version="1.0" encoding="utf-8"?>
<sst xmlns="http://schemas.openxmlformats.org/spreadsheetml/2006/main" count="640" uniqueCount="341">
  <si>
    <t>S-101</t>
  </si>
  <si>
    <t>S-411</t>
  </si>
  <si>
    <t>S-412</t>
  </si>
  <si>
    <t>Deeps</t>
  </si>
  <si>
    <t>SeaAreaNamedWaterArea</t>
  </si>
  <si>
    <t>Volcanic activity</t>
  </si>
  <si>
    <t>Magnetic variations</t>
  </si>
  <si>
    <t>MagneticVariation</t>
  </si>
  <si>
    <t>Magnetic anomalies</t>
  </si>
  <si>
    <t>LocalMagneticAnomaly</t>
  </si>
  <si>
    <t>General information currents</t>
  </si>
  <si>
    <t>Named currents</t>
  </si>
  <si>
    <t>Seasonal currents</t>
  </si>
  <si>
    <t>Sea level</t>
  </si>
  <si>
    <t>Seiches</t>
  </si>
  <si>
    <t>Swell conditions</t>
  </si>
  <si>
    <t>TROCYC</t>
  </si>
  <si>
    <t>Abnormal waves</t>
  </si>
  <si>
    <t>Salinity</t>
  </si>
  <si>
    <t>Seawater density</t>
  </si>
  <si>
    <t>Sea surface temperature</t>
  </si>
  <si>
    <t>Icebergs</t>
  </si>
  <si>
    <t>Visibility</t>
  </si>
  <si>
    <t>Pressure</t>
  </si>
  <si>
    <t>AIRPSR</t>
  </si>
  <si>
    <t>Anticyclones</t>
  </si>
  <si>
    <t>FRONTS</t>
  </si>
  <si>
    <t>The Intertropical Convergence Zone</t>
  </si>
  <si>
    <t>CONVBO</t>
  </si>
  <si>
    <t>SUWIND</t>
  </si>
  <si>
    <t>Squalls</t>
  </si>
  <si>
    <t>Waterspouts</t>
  </si>
  <si>
    <t>Clouds</t>
  </si>
  <si>
    <t>Sea fog</t>
  </si>
  <si>
    <t>Radiation fog</t>
  </si>
  <si>
    <t xml:space="preserve">Air temperature </t>
  </si>
  <si>
    <t>Climate Station Data</t>
  </si>
  <si>
    <t>SupplementaryInformation</t>
  </si>
  <si>
    <t>LandArea</t>
  </si>
  <si>
    <t>Landregion</t>
  </si>
  <si>
    <t>Coastline</t>
  </si>
  <si>
    <t>Vegetation</t>
  </si>
  <si>
    <t>SlopeTopline</t>
  </si>
  <si>
    <t>SlopingGround</t>
  </si>
  <si>
    <t>SeabedArea</t>
  </si>
  <si>
    <t>WeedKelp</t>
  </si>
  <si>
    <t>WaterTurbulence</t>
  </si>
  <si>
    <t>Spring</t>
  </si>
  <si>
    <t>IHO Registry Name</t>
  </si>
  <si>
    <t>Current-Non-gravitational</t>
  </si>
  <si>
    <t>Tidal stream-flood/ebb</t>
  </si>
  <si>
    <t>NIPWG Category</t>
  </si>
  <si>
    <t>Maritime Topography</t>
  </si>
  <si>
    <t>General Remarks</t>
  </si>
  <si>
    <t>InformationArea</t>
  </si>
  <si>
    <t>ALPHA CODE</t>
  </si>
  <si>
    <t>unspecified</t>
  </si>
  <si>
    <t>Chart Reference</t>
  </si>
  <si>
    <t>General Topological Description of area</t>
  </si>
  <si>
    <t>NauticalInformation</t>
  </si>
  <si>
    <t>General submarine description of area</t>
  </si>
  <si>
    <t>Maritime Topography/General Remarks</t>
  </si>
  <si>
    <t>Maritime Topography/Seabed and Features</t>
  </si>
  <si>
    <t>Ridges and Plateaux</t>
  </si>
  <si>
    <t>Shoals and Banks</t>
  </si>
  <si>
    <t>Seismic Activity</t>
  </si>
  <si>
    <t>Submarine springs</t>
  </si>
  <si>
    <t>LNDARE</t>
  </si>
  <si>
    <t>LNDRGN</t>
  </si>
  <si>
    <t>COALNE</t>
  </si>
  <si>
    <t>VEGATN</t>
  </si>
  <si>
    <t>SLOTOP</t>
  </si>
  <si>
    <t>SLOGRD</t>
  </si>
  <si>
    <t>SEAARE</t>
  </si>
  <si>
    <t>WEDKLP</t>
  </si>
  <si>
    <t>WATTUR</t>
  </si>
  <si>
    <t>Waterway Area</t>
  </si>
  <si>
    <t>WTWARE</t>
  </si>
  <si>
    <t>inlandENC</t>
  </si>
  <si>
    <t>LOCMAG</t>
  </si>
  <si>
    <t>MAGVAR</t>
  </si>
  <si>
    <t>Magnetic Variations and Local Anomalies</t>
  </si>
  <si>
    <t>Currents, Tidal Streams and Flow</t>
  </si>
  <si>
    <t>CURENT</t>
  </si>
  <si>
    <t>TS_FEB</t>
  </si>
  <si>
    <t>S-111</t>
  </si>
  <si>
    <t>TidalStreamFloodEbb</t>
  </si>
  <si>
    <t>SurfaceCurrent</t>
  </si>
  <si>
    <t>Sea Level and Tides</t>
  </si>
  <si>
    <t>S-112</t>
  </si>
  <si>
    <t>LowWaterLevel</t>
  </si>
  <si>
    <t>LOWATR</t>
  </si>
  <si>
    <t>Tides</t>
  </si>
  <si>
    <t>IceArea</t>
  </si>
  <si>
    <t>Sea and Swell</t>
  </si>
  <si>
    <t>Sea Conditions</t>
  </si>
  <si>
    <t>Sea and Swell/Waves</t>
  </si>
  <si>
    <t>Tsunami</t>
  </si>
  <si>
    <t>TSUNAM</t>
  </si>
  <si>
    <t>SignificantWave</t>
  </si>
  <si>
    <t>SIGWAV</t>
  </si>
  <si>
    <t>PrimarySwell</t>
  </si>
  <si>
    <t>PSWELL</t>
  </si>
  <si>
    <t>SecondarySwell</t>
  </si>
  <si>
    <t>SSWELL</t>
  </si>
  <si>
    <t>WindWave</t>
  </si>
  <si>
    <t>WINWAV</t>
  </si>
  <si>
    <t>Sea Water Characteristics</t>
  </si>
  <si>
    <t>SSTEMP</t>
  </si>
  <si>
    <t>ICEBRG</t>
  </si>
  <si>
    <t>ICEDFT</t>
  </si>
  <si>
    <t>BergIce</t>
  </si>
  <si>
    <t>IceDrift</t>
  </si>
  <si>
    <t>Ice Conditions</t>
  </si>
  <si>
    <t>Ice drift</t>
  </si>
  <si>
    <t>ICEARE</t>
  </si>
  <si>
    <t>Climate and Weather</t>
  </si>
  <si>
    <t>General info</t>
  </si>
  <si>
    <t>Climate and Weather/General Conditions</t>
  </si>
  <si>
    <t>Observations</t>
  </si>
  <si>
    <t>OBSERV</t>
  </si>
  <si>
    <t>SignificantWeather</t>
  </si>
  <si>
    <t>SIGWET</t>
  </si>
  <si>
    <t>SurfaceVisibility</t>
  </si>
  <si>
    <t>SURVIS</t>
  </si>
  <si>
    <t>Climate and Weather/Pressure</t>
  </si>
  <si>
    <t>AtmosphericPressure</t>
  </si>
  <si>
    <t>CenterOfHigh</t>
  </si>
  <si>
    <t>CenterOfLow</t>
  </si>
  <si>
    <t>CENHIP</t>
  </si>
  <si>
    <t>CENLOW</t>
  </si>
  <si>
    <t>Average distribution</t>
  </si>
  <si>
    <t>Variability</t>
  </si>
  <si>
    <t>Diurnal Variation</t>
  </si>
  <si>
    <t>Abnormal Falls</t>
  </si>
  <si>
    <t>Ridges</t>
  </si>
  <si>
    <t>RIDGES</t>
  </si>
  <si>
    <t>Climate and Weather/Depressions</t>
  </si>
  <si>
    <t xml:space="preserve">General Information  </t>
  </si>
  <si>
    <t>Classification</t>
  </si>
  <si>
    <t>Occurrence</t>
  </si>
  <si>
    <t>Movement</t>
  </si>
  <si>
    <t>Climate and Weather/Fronts</t>
  </si>
  <si>
    <t>Climate and Weather/Winds</t>
  </si>
  <si>
    <t>Climate and Weather/Clouds</t>
  </si>
  <si>
    <t>Climate and Weather/Precipitation</t>
  </si>
  <si>
    <t>Climate and Weather/Humidity</t>
  </si>
  <si>
    <t>Climate and Weather/Depressions/General Information</t>
  </si>
  <si>
    <t xml:space="preserve">Cyclones, Tropical Cyclones </t>
  </si>
  <si>
    <t>Tropical depressions</t>
  </si>
  <si>
    <t>Tropical storms</t>
  </si>
  <si>
    <t>Front / Cold Front</t>
  </si>
  <si>
    <t>Front</t>
  </si>
  <si>
    <t>ConvergentBoundaries</t>
  </si>
  <si>
    <t>SurfaceWind</t>
  </si>
  <si>
    <t>Wind</t>
  </si>
  <si>
    <t>General Information</t>
  </si>
  <si>
    <t>South-east trade winds</t>
  </si>
  <si>
    <t>The North-west monsoon</t>
  </si>
  <si>
    <t>Light or moderate variable winds</t>
  </si>
  <si>
    <t>The Westerlies</t>
  </si>
  <si>
    <t>Coastal Areas</t>
  </si>
  <si>
    <t>Land and sea breeze</t>
  </si>
  <si>
    <t>Climate and Weather/Winds/General Information</t>
  </si>
  <si>
    <t>Climate and Weather/Winds/Gales</t>
  </si>
  <si>
    <t>Gusts</t>
  </si>
  <si>
    <t>GUSGUS</t>
  </si>
  <si>
    <t>North of 30 degrees S</t>
  </si>
  <si>
    <t>South of 30 degrees S</t>
  </si>
  <si>
    <t>The sub-tropical belt of high pressure</t>
  </si>
  <si>
    <t>Climate and Weather/Precipitation/General Information</t>
  </si>
  <si>
    <t>The North-west monsoon and ITCZ</t>
  </si>
  <si>
    <t>Madagascar</t>
  </si>
  <si>
    <t>La Reunion, tec</t>
  </si>
  <si>
    <t>Climate and Weather/Fog and Visibility</t>
  </si>
  <si>
    <t>Climate and Weather/Air Temperature</t>
  </si>
  <si>
    <t>AirTemperature</t>
  </si>
  <si>
    <t>AIRTEM</t>
  </si>
  <si>
    <t>MaximumAirTemperature</t>
  </si>
  <si>
    <t>MAXTEM</t>
  </si>
  <si>
    <t>MinimumAirTemperature</t>
  </si>
  <si>
    <t>MINTEM</t>
  </si>
  <si>
    <t>Open sea N of 30 degrees S</t>
  </si>
  <si>
    <t>DewpointTemperature</t>
  </si>
  <si>
    <t>DPTEMP</t>
  </si>
  <si>
    <t>IHO product</t>
  </si>
  <si>
    <t>Optical Phenomena</t>
  </si>
  <si>
    <t>Marine Protected Areas (MPAs)</t>
  </si>
  <si>
    <t>Regulated Boating Areas</t>
  </si>
  <si>
    <t>Regulated Navigation Areas</t>
  </si>
  <si>
    <t>Shipping Safety Fairways</t>
  </si>
  <si>
    <t>State Boundaries</t>
  </si>
  <si>
    <t>General Area Descriptions</t>
  </si>
  <si>
    <t>Ports</t>
  </si>
  <si>
    <t>Aids to navigation</t>
  </si>
  <si>
    <t>Buoy Systems (Chesapeake Bay Interpretive Buoy System - CBIBS)</t>
  </si>
  <si>
    <t>Caution</t>
  </si>
  <si>
    <t>Depths</t>
  </si>
  <si>
    <t>Electronic navigation</t>
  </si>
  <si>
    <t>Inside Navigation</t>
  </si>
  <si>
    <t>Location of the Gulf Stream</t>
  </si>
  <si>
    <t>Local magnetic disturbance</t>
  </si>
  <si>
    <t>Navigation regulations</t>
  </si>
  <si>
    <t>Routes</t>
  </si>
  <si>
    <t>Semicircle</t>
  </si>
  <si>
    <t>Speed</t>
  </si>
  <si>
    <t>Winter Navigation</t>
  </si>
  <si>
    <t>Traffic</t>
  </si>
  <si>
    <t>Anchorages</t>
  </si>
  <si>
    <t>Authorities</t>
  </si>
  <si>
    <t>Ballast Water Management</t>
  </si>
  <si>
    <t>Cargo Care</t>
  </si>
  <si>
    <t>Communications</t>
  </si>
  <si>
    <t>Daylight-saving time</t>
  </si>
  <si>
    <t>Disposal Sites</t>
  </si>
  <si>
    <t>Dumping Grounds</t>
  </si>
  <si>
    <t>Exemptions</t>
  </si>
  <si>
    <t>Federal regulations</t>
  </si>
  <si>
    <t>Vessel Arrival Inspection</t>
  </si>
  <si>
    <t>Immersion Hypothermia</t>
  </si>
  <si>
    <t>Legal public holidays</t>
  </si>
  <si>
    <t>Potable Water Intakes</t>
  </si>
  <si>
    <t>Rules (practical)</t>
  </si>
  <si>
    <t>Radar</t>
  </si>
  <si>
    <t>Repairs</t>
  </si>
  <si>
    <t>Reporting</t>
  </si>
  <si>
    <t>Pipelaying barges</t>
  </si>
  <si>
    <t>Small-craft</t>
  </si>
  <si>
    <t>Standard Time</t>
  </si>
  <si>
    <t>Supplies</t>
  </si>
  <si>
    <t>Towage</t>
  </si>
  <si>
    <t>Chart Datum (Great Lakes System)</t>
  </si>
  <si>
    <t>Currents</t>
  </si>
  <si>
    <t>Tropical waters</t>
  </si>
  <si>
    <t>Waves</t>
  </si>
  <si>
    <t>Climatological tables</t>
  </si>
  <si>
    <t>Cloudiness</t>
  </si>
  <si>
    <t>Coastal effects</t>
  </si>
  <si>
    <t>Dew Point</t>
  </si>
  <si>
    <t>General Descriptions</t>
  </si>
  <si>
    <t>General Season Descriptions</t>
  </si>
  <si>
    <t>Relative humidity</t>
  </si>
  <si>
    <t>Ice/Icing</t>
  </si>
  <si>
    <t>Storm</t>
  </si>
  <si>
    <t>Frostbite</t>
  </si>
  <si>
    <t>Arch</t>
  </si>
  <si>
    <t>Area</t>
  </si>
  <si>
    <t>Bar</t>
  </si>
  <si>
    <t>Basin</t>
  </si>
  <si>
    <t>Bay</t>
  </si>
  <si>
    <t>Beach</t>
  </si>
  <si>
    <t>Bend</t>
  </si>
  <si>
    <t>Bench</t>
  </si>
  <si>
    <t>Bridge</t>
  </si>
  <si>
    <t>Building</t>
  </si>
  <si>
    <t>Canal</t>
  </si>
  <si>
    <t>Cape</t>
  </si>
  <si>
    <t>Channel</t>
  </si>
  <si>
    <t>Civil</t>
  </si>
  <si>
    <t>Cliff</t>
  </si>
  <si>
    <t>Crater</t>
  </si>
  <si>
    <t>Dam</t>
  </si>
  <si>
    <t>Flat</t>
  </si>
  <si>
    <t>Gap</t>
  </si>
  <si>
    <t>Glacier</t>
  </si>
  <si>
    <t>Gut</t>
  </si>
  <si>
    <t>Harbor</t>
  </si>
  <si>
    <t>Hospital</t>
  </si>
  <si>
    <t>Island</t>
  </si>
  <si>
    <t>Isthmus</t>
  </si>
  <si>
    <t>Lake</t>
  </si>
  <si>
    <t>Lava</t>
  </si>
  <si>
    <t>Levee</t>
  </si>
  <si>
    <t>Locale</t>
  </si>
  <si>
    <t>Military</t>
  </si>
  <si>
    <t>Mine</t>
  </si>
  <si>
    <t>Park</t>
  </si>
  <si>
    <t>Pillar</t>
  </si>
  <si>
    <t>Populated Place</t>
  </si>
  <si>
    <t>Range</t>
  </si>
  <si>
    <t>Reserve</t>
  </si>
  <si>
    <t>Reservoir</t>
  </si>
  <si>
    <t>Ridge</t>
  </si>
  <si>
    <t>School</t>
  </si>
  <si>
    <t>Sea</t>
  </si>
  <si>
    <t>Slope</t>
  </si>
  <si>
    <t>Stream</t>
  </si>
  <si>
    <t>Summit</t>
  </si>
  <si>
    <t>Swamp</t>
  </si>
  <si>
    <t>Valley</t>
  </si>
  <si>
    <t>Land</t>
  </si>
  <si>
    <t>Chart 1 Category</t>
  </si>
  <si>
    <t>Chart 1 subcategory</t>
  </si>
  <si>
    <t>AIDS AND SERVICES</t>
  </si>
  <si>
    <t>TOPOGRAPHY</t>
  </si>
  <si>
    <t>CULTURAL FEATURES</t>
  </si>
  <si>
    <t>AREAS AND LIMITS</t>
  </si>
  <si>
    <t>HYDROGRAPHY</t>
  </si>
  <si>
    <t>PORTS</t>
  </si>
  <si>
    <t>LANDMARKS</t>
  </si>
  <si>
    <t>BUOYS, BEACONS</t>
  </si>
  <si>
    <t>DEPTHS</t>
  </si>
  <si>
    <t>NATURAL FEATURES</t>
  </si>
  <si>
    <t>AREAS, LIMITS</t>
  </si>
  <si>
    <t>TIDES, CURRENTS</t>
  </si>
  <si>
    <t>GENERAL</t>
  </si>
  <si>
    <t>POSITIONS, DISTANCES, DIRECTIONS, COMPASS</t>
  </si>
  <si>
    <t>OFFSHORE INSTALLATIONS</t>
  </si>
  <si>
    <t>TRACKS, ROUTES</t>
  </si>
  <si>
    <t>NATURE OF THE SEABED</t>
  </si>
  <si>
    <t xml:space="preserve">HYDROGRAPHY </t>
  </si>
  <si>
    <r>
      <t>NIPWG Subcategory/</t>
    </r>
    <r>
      <rPr>
        <b/>
        <sz val="12"/>
        <color theme="6"/>
        <rFont val="Arial"/>
        <family val="2"/>
      </rPr>
      <t>CP HEADER</t>
    </r>
  </si>
  <si>
    <r>
      <t>Precipitation/</t>
    </r>
    <r>
      <rPr>
        <sz val="12"/>
        <color theme="6"/>
        <rFont val="Arial"/>
        <family val="2"/>
      </rPr>
      <t>Precipitation</t>
    </r>
  </si>
  <si>
    <t>LandElevation</t>
  </si>
  <si>
    <t>LNDELV</t>
  </si>
  <si>
    <t>s-126 domain model</t>
  </si>
  <si>
    <t>River</t>
  </si>
  <si>
    <t>RIVERS</t>
  </si>
  <si>
    <t>S-126</t>
  </si>
  <si>
    <t>S-101/S-126</t>
  </si>
  <si>
    <t>Rapids</t>
  </si>
  <si>
    <t>RAPIDS</t>
  </si>
  <si>
    <r>
      <rPr>
        <sz val="12"/>
        <rFont val="Arial"/>
        <family val="2"/>
      </rPr>
      <t>Walterfalls/</t>
    </r>
    <r>
      <rPr>
        <sz val="12"/>
        <color theme="6" tint="-0.249977111117893"/>
        <rFont val="Arial"/>
        <family val="2"/>
        <charset val="1"/>
      </rPr>
      <t>Falls</t>
    </r>
  </si>
  <si>
    <t>WATFAL</t>
  </si>
  <si>
    <t>S-411/S-126</t>
  </si>
  <si>
    <t>Tideway</t>
  </si>
  <si>
    <t>TIDEWY</t>
  </si>
  <si>
    <t>BuiltUpArea</t>
  </si>
  <si>
    <t>BUAARE</t>
  </si>
  <si>
    <t>BUISGL</t>
  </si>
  <si>
    <r>
      <t>Airport/</t>
    </r>
    <r>
      <rPr>
        <sz val="12"/>
        <rFont val="Arial"/>
        <family val="2"/>
      </rPr>
      <t>AirportAirfield</t>
    </r>
  </si>
  <si>
    <t>AIRARE</t>
  </si>
  <si>
    <t>BRIDGE</t>
  </si>
  <si>
    <t>LandRegion</t>
  </si>
  <si>
    <t>Landmark</t>
  </si>
  <si>
    <t>LNDMARK</t>
  </si>
  <si>
    <t>SiloTank</t>
  </si>
  <si>
    <t>SILTNK</t>
  </si>
  <si>
    <t>FortifiedStructure</t>
  </si>
  <si>
    <t>FORSTC</t>
  </si>
  <si>
    <t>CANAL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0"/>
      <name val="Arial"/>
      <family val="2"/>
    </font>
    <font>
      <b/>
      <sz val="24"/>
      <color indexed="8"/>
      <name val="Arial"/>
      <family val="2"/>
    </font>
    <font>
      <i/>
      <sz val="10"/>
      <color indexed="23"/>
      <name val="Arial"/>
      <family val="2"/>
    </font>
    <font>
      <sz val="10"/>
      <color indexed="10"/>
      <name val="Arial"/>
      <family val="2"/>
    </font>
    <font>
      <b/>
      <sz val="10"/>
      <color indexed="9"/>
      <name val="Arial"/>
      <family val="2"/>
    </font>
    <font>
      <b/>
      <sz val="10"/>
      <color indexed="8"/>
      <name val="Arial"/>
      <family val="2"/>
    </font>
    <font>
      <sz val="10"/>
      <color indexed="9"/>
      <name val="Arial"/>
      <family val="2"/>
    </font>
    <font>
      <sz val="12"/>
      <name val="Arial"/>
      <family val="2"/>
      <charset val="1"/>
    </font>
    <font>
      <b/>
      <sz val="12"/>
      <name val="Arial"/>
      <family val="2"/>
    </font>
    <font>
      <sz val="8"/>
      <name val="Arial"/>
      <family val="2"/>
    </font>
    <font>
      <sz val="10"/>
      <name val="Arial"/>
      <family val="2"/>
    </font>
    <font>
      <sz val="12"/>
      <color rgb="FFFF0000"/>
      <name val="Arial"/>
      <family val="2"/>
      <charset val="1"/>
    </font>
    <font>
      <sz val="12"/>
      <color rgb="FF00B050"/>
      <name val="Arial"/>
      <family val="2"/>
      <charset val="1"/>
    </font>
    <font>
      <sz val="12"/>
      <color theme="6" tint="-0.249977111117893"/>
      <name val="Arial"/>
      <family val="2"/>
      <charset val="1"/>
    </font>
    <font>
      <sz val="12"/>
      <color theme="6"/>
      <name val="Arial"/>
      <family val="2"/>
      <charset val="1"/>
    </font>
    <font>
      <sz val="12"/>
      <color theme="6"/>
      <name val="Arial"/>
      <family val="2"/>
    </font>
    <font>
      <b/>
      <sz val="12"/>
      <color theme="6"/>
      <name val="Arial"/>
      <family val="2"/>
    </font>
    <font>
      <sz val="12"/>
      <name val="Arial"/>
      <family val="2"/>
    </font>
    <font>
      <sz val="12"/>
      <color theme="6" tint="-0.249977111117893"/>
      <name val="Arial"/>
      <family val="2"/>
    </font>
  </fonts>
  <fills count="6">
    <fill>
      <patternFill patternType="none"/>
    </fill>
    <fill>
      <patternFill patternType="gray125"/>
    </fill>
    <fill>
      <patternFill patternType="solid">
        <fgColor indexed="8"/>
        <bgColor indexed="58"/>
      </patternFill>
    </fill>
    <fill>
      <patternFill patternType="solid">
        <fgColor indexed="23"/>
        <bgColor indexed="55"/>
      </patternFill>
    </fill>
    <fill>
      <patternFill patternType="solid">
        <fgColor indexed="31"/>
        <bgColor indexed="47"/>
      </patternFill>
    </fill>
    <fill>
      <patternFill patternType="solid">
        <fgColor indexed="10"/>
        <bgColor indexed="16"/>
      </patternFill>
    </fill>
  </fills>
  <borders count="1">
    <border>
      <left/>
      <right/>
      <top/>
      <bottom/>
      <diagonal/>
    </border>
  </borders>
  <cellStyleXfs count="11">
    <xf numFmtId="0" fontId="0" fillId="0" borderId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6" fillId="3" borderId="0" applyNumberFormat="0" applyBorder="0" applyAlignment="0" applyProtection="0"/>
    <xf numFmtId="0" fontId="5" fillId="4" borderId="0" applyNumberFormat="0" applyBorder="0" applyAlignment="0" applyProtection="0"/>
    <xf numFmtId="0" fontId="4" fillId="5" borderId="0" applyNumberFormat="0" applyBorder="0" applyAlignment="0" applyProtection="0"/>
    <xf numFmtId="0" fontId="2" fillId="0" borderId="0" applyNumberFormat="0" applyFill="0" applyBorder="0" applyAlignment="0" applyProtection="0"/>
    <xf numFmtId="0" fontId="1" fillId="0" borderId="0" applyNumberFormat="0" applyFill="0" applyBorder="0" applyAlignment="0" applyProtection="0"/>
    <xf numFmtId="0" fontId="10" fillId="0" borderId="0" applyNumberFormat="0" applyFill="0" applyBorder="0" applyAlignment="0" applyProtection="0"/>
    <xf numFmtId="0" fontId="10" fillId="0" borderId="0" applyNumberFormat="0" applyFill="0" applyBorder="0" applyAlignment="0" applyProtection="0"/>
    <xf numFmtId="0" fontId="3" fillId="0" borderId="0" applyNumberFormat="0" applyFill="0" applyBorder="0" applyAlignment="0" applyProtection="0"/>
  </cellStyleXfs>
  <cellXfs count="13">
    <xf numFmtId="0" fontId="0" fillId="0" borderId="0" xfId="0"/>
    <xf numFmtId="0" fontId="7" fillId="0" borderId="0" xfId="0" applyFont="1"/>
    <xf numFmtId="0" fontId="7" fillId="0" borderId="0" xfId="0" applyFont="1" applyAlignment="1">
      <alignment horizontal="left" vertical="top"/>
    </xf>
    <xf numFmtId="0" fontId="7" fillId="0" borderId="0" xfId="0" applyFont="1" applyAlignment="1">
      <alignment horizontal="left" vertical="top" wrapText="1"/>
    </xf>
    <xf numFmtId="0" fontId="8" fillId="0" borderId="0" xfId="0" applyFont="1"/>
    <xf numFmtId="0" fontId="11" fillId="0" borderId="0" xfId="0" applyFont="1"/>
    <xf numFmtId="0" fontId="7" fillId="0" borderId="0" xfId="0" applyFont="1" applyAlignment="1">
      <alignment wrapText="1"/>
    </xf>
    <xf numFmtId="0" fontId="12" fillId="0" borderId="0" xfId="0" applyFont="1"/>
    <xf numFmtId="0" fontId="13" fillId="0" borderId="0" xfId="0" applyFont="1"/>
    <xf numFmtId="0" fontId="11" fillId="0" borderId="0" xfId="0" applyFont="1" applyFill="1"/>
    <xf numFmtId="0" fontId="13" fillId="0" borderId="0" xfId="0" applyFont="1" applyFill="1"/>
    <xf numFmtId="0" fontId="14" fillId="0" borderId="0" xfId="0" applyFont="1"/>
    <xf numFmtId="0" fontId="18" fillId="0" borderId="0" xfId="0" applyFont="1"/>
  </cellXfs>
  <cellStyles count="11">
    <cellStyle name="Accent" xfId="1"/>
    <cellStyle name="Accent 1" xfId="2"/>
    <cellStyle name="Accent 2" xfId="3"/>
    <cellStyle name="Accent 3" xfId="4"/>
    <cellStyle name="Error" xfId="5"/>
    <cellStyle name="Footnote" xfId="6"/>
    <cellStyle name="Heading" xfId="7"/>
    <cellStyle name="Normal" xfId="0" builtinId="0"/>
    <cellStyle name="Status" xfId="8"/>
    <cellStyle name="Text" xfId="9"/>
    <cellStyle name="Warning" xfId="10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CC0000"/>
      <rgbColor rgb="0000FF00"/>
      <rgbColor rgb="000000FF"/>
      <rgbColor rgb="00FFFF00"/>
      <rgbColor rgb="00FF00FF"/>
      <rgbColor rgb="0000FFFF"/>
      <rgbColor rgb="00800000"/>
      <rgbColor rgb="00006600"/>
      <rgbColor rgb="00000080"/>
      <rgbColor rgb="009966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DDDDDD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CC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18"/>
  <sheetViews>
    <sheetView tabSelected="1" topLeftCell="B192" workbookViewId="0">
      <selection activeCell="C226" sqref="C226"/>
    </sheetView>
  </sheetViews>
  <sheetFormatPr defaultColWidth="11.54296875" defaultRowHeight="15.5" x14ac:dyDescent="0.35"/>
  <cols>
    <col min="1" max="3" width="46.54296875" style="1" customWidth="1"/>
    <col min="4" max="4" width="39.26953125" style="1" customWidth="1"/>
    <col min="5" max="5" width="29" style="1" bestFit="1" customWidth="1"/>
    <col min="6" max="6" width="16.54296875" style="1" bestFit="1" customWidth="1"/>
    <col min="7" max="7" width="16.7265625" style="1" bestFit="1" customWidth="1"/>
    <col min="8" max="16384" width="11.54296875" style="1"/>
  </cols>
  <sheetData>
    <row r="1" spans="1:7" x14ac:dyDescent="0.35">
      <c r="A1" s="4" t="s">
        <v>51</v>
      </c>
      <c r="B1" s="4" t="s">
        <v>291</v>
      </c>
      <c r="C1" s="4" t="s">
        <v>292</v>
      </c>
      <c r="D1" s="4" t="s">
        <v>311</v>
      </c>
      <c r="E1" s="4" t="s">
        <v>48</v>
      </c>
      <c r="F1" s="4" t="s">
        <v>55</v>
      </c>
      <c r="G1" s="4" t="s">
        <v>185</v>
      </c>
    </row>
    <row r="2" spans="1:7" x14ac:dyDescent="0.35">
      <c r="A2" s="1" t="s">
        <v>125</v>
      </c>
      <c r="D2" s="5" t="s">
        <v>134</v>
      </c>
    </row>
    <row r="3" spans="1:7" x14ac:dyDescent="0.35">
      <c r="A3" s="1" t="s">
        <v>96</v>
      </c>
      <c r="D3" s="5" t="s">
        <v>17</v>
      </c>
      <c r="G3" s="6"/>
    </row>
    <row r="4" spans="1:7" x14ac:dyDescent="0.35">
      <c r="B4" s="1" t="s">
        <v>293</v>
      </c>
      <c r="D4" s="8" t="s">
        <v>194</v>
      </c>
    </row>
    <row r="5" spans="1:7" x14ac:dyDescent="0.35">
      <c r="A5" s="1" t="s">
        <v>175</v>
      </c>
      <c r="D5" s="5" t="s">
        <v>35</v>
      </c>
      <c r="E5" s="1" t="s">
        <v>176</v>
      </c>
      <c r="F5" s="1" t="s">
        <v>177</v>
      </c>
      <c r="G5" s="1" t="s">
        <v>2</v>
      </c>
    </row>
    <row r="6" spans="1:7" x14ac:dyDescent="0.35">
      <c r="A6" s="1" t="s">
        <v>290</v>
      </c>
      <c r="B6" s="1" t="s">
        <v>294</v>
      </c>
      <c r="C6" s="1" t="s">
        <v>295</v>
      </c>
      <c r="D6" s="8" t="s">
        <v>330</v>
      </c>
      <c r="F6" s="1" t="s">
        <v>331</v>
      </c>
      <c r="G6" s="1" t="s">
        <v>318</v>
      </c>
    </row>
    <row r="7" spans="1:7" x14ac:dyDescent="0.35">
      <c r="B7" s="1" t="s">
        <v>297</v>
      </c>
      <c r="C7" s="1" t="s">
        <v>296</v>
      </c>
      <c r="D7" s="8" t="s">
        <v>208</v>
      </c>
    </row>
    <row r="8" spans="1:7" x14ac:dyDescent="0.35">
      <c r="A8" s="1" t="s">
        <v>125</v>
      </c>
      <c r="D8" s="5" t="s">
        <v>25</v>
      </c>
    </row>
    <row r="9" spans="1:7" x14ac:dyDescent="0.35">
      <c r="D9" s="8" t="s">
        <v>245</v>
      </c>
    </row>
    <row r="10" spans="1:7" x14ac:dyDescent="0.35">
      <c r="B10" s="1" t="s">
        <v>297</v>
      </c>
      <c r="C10" s="1" t="s">
        <v>296</v>
      </c>
      <c r="D10" s="8" t="s">
        <v>246</v>
      </c>
    </row>
    <row r="11" spans="1:7" x14ac:dyDescent="0.35">
      <c r="D11" s="8" t="s">
        <v>209</v>
      </c>
    </row>
    <row r="12" spans="1:7" x14ac:dyDescent="0.35">
      <c r="A12" s="1" t="s">
        <v>125</v>
      </c>
      <c r="D12" s="5" t="s">
        <v>131</v>
      </c>
    </row>
    <row r="13" spans="1:7" x14ac:dyDescent="0.35">
      <c r="D13" s="8" t="s">
        <v>210</v>
      </c>
    </row>
    <row r="14" spans="1:7" x14ac:dyDescent="0.35">
      <c r="D14" s="8" t="s">
        <v>247</v>
      </c>
    </row>
    <row r="15" spans="1:7" x14ac:dyDescent="0.35">
      <c r="B15" s="1" t="s">
        <v>294</v>
      </c>
      <c r="C15" s="1" t="s">
        <v>298</v>
      </c>
      <c r="D15" s="8" t="s">
        <v>248</v>
      </c>
    </row>
    <row r="16" spans="1:7" x14ac:dyDescent="0.35">
      <c r="D16" s="8" t="s">
        <v>249</v>
      </c>
    </row>
    <row r="17" spans="1:7" x14ac:dyDescent="0.35">
      <c r="D17" s="8" t="s">
        <v>250</v>
      </c>
    </row>
    <row r="18" spans="1:7" x14ac:dyDescent="0.35">
      <c r="D18" s="8" t="s">
        <v>252</v>
      </c>
    </row>
    <row r="19" spans="1:7" x14ac:dyDescent="0.35">
      <c r="D19" s="8" t="s">
        <v>251</v>
      </c>
    </row>
    <row r="20" spans="1:7" x14ac:dyDescent="0.35">
      <c r="B20" s="1" t="s">
        <v>294</v>
      </c>
      <c r="C20" s="1" t="s">
        <v>295</v>
      </c>
      <c r="D20" s="8" t="s">
        <v>253</v>
      </c>
      <c r="F20" s="1" t="s">
        <v>332</v>
      </c>
      <c r="G20" s="1" t="s">
        <v>318</v>
      </c>
    </row>
    <row r="21" spans="1:7" x14ac:dyDescent="0.35">
      <c r="B21" s="1" t="s">
        <v>294</v>
      </c>
      <c r="C21" s="1" t="s">
        <v>299</v>
      </c>
      <c r="D21" s="8" t="s">
        <v>254</v>
      </c>
      <c r="F21" s="1" t="s">
        <v>329</v>
      </c>
      <c r="G21" s="1" t="s">
        <v>318</v>
      </c>
    </row>
    <row r="22" spans="1:7" x14ac:dyDescent="0.35">
      <c r="B22" s="1" t="s">
        <v>293</v>
      </c>
      <c r="C22" s="1" t="s">
        <v>300</v>
      </c>
      <c r="D22" s="8" t="s">
        <v>195</v>
      </c>
    </row>
    <row r="23" spans="1:7" x14ac:dyDescent="0.35">
      <c r="D23" s="1" t="s">
        <v>327</v>
      </c>
      <c r="F23" s="1" t="s">
        <v>328</v>
      </c>
      <c r="G23" s="1" t="s">
        <v>318</v>
      </c>
    </row>
    <row r="24" spans="1:7" x14ac:dyDescent="0.35">
      <c r="B24" s="1" t="s">
        <v>294</v>
      </c>
      <c r="C24" s="1" t="s">
        <v>298</v>
      </c>
      <c r="D24" s="8" t="s">
        <v>255</v>
      </c>
      <c r="F24" s="1" t="s">
        <v>340</v>
      </c>
      <c r="G24" s="1" t="s">
        <v>318</v>
      </c>
    </row>
    <row r="25" spans="1:7" ht="15.75" customHeight="1" x14ac:dyDescent="0.35">
      <c r="D25" s="8" t="s">
        <v>256</v>
      </c>
    </row>
    <row r="26" spans="1:7" x14ac:dyDescent="0.35">
      <c r="D26" s="8" t="s">
        <v>211</v>
      </c>
    </row>
    <row r="27" spans="1:7" x14ac:dyDescent="0.35">
      <c r="D27" s="8" t="s">
        <v>196</v>
      </c>
    </row>
    <row r="28" spans="1:7" x14ac:dyDescent="0.35">
      <c r="A28" s="1" t="s">
        <v>125</v>
      </c>
      <c r="D28" s="1" t="s">
        <v>127</v>
      </c>
      <c r="E28" s="1" t="s">
        <v>127</v>
      </c>
      <c r="F28" s="1" t="s">
        <v>129</v>
      </c>
      <c r="G28" s="1" t="s">
        <v>2</v>
      </c>
    </row>
    <row r="29" spans="1:7" x14ac:dyDescent="0.35">
      <c r="A29" s="1" t="s">
        <v>125</v>
      </c>
      <c r="D29" s="1" t="s">
        <v>128</v>
      </c>
      <c r="E29" s="1" t="s">
        <v>128</v>
      </c>
      <c r="F29" s="1" t="s">
        <v>130</v>
      </c>
      <c r="G29" s="1" t="s">
        <v>2</v>
      </c>
    </row>
    <row r="30" spans="1:7" x14ac:dyDescent="0.35">
      <c r="B30" s="1" t="s">
        <v>297</v>
      </c>
      <c r="C30" s="1" t="s">
        <v>301</v>
      </c>
      <c r="D30" s="8" t="s">
        <v>257</v>
      </c>
    </row>
    <row r="31" spans="1:7" x14ac:dyDescent="0.35">
      <c r="D31" s="8" t="s">
        <v>231</v>
      </c>
    </row>
    <row r="32" spans="1:7" x14ac:dyDescent="0.35">
      <c r="A32" s="1" t="s">
        <v>61</v>
      </c>
      <c r="D32" s="5" t="s">
        <v>57</v>
      </c>
      <c r="E32" s="2"/>
      <c r="F32" s="2"/>
      <c r="G32" s="3"/>
    </row>
    <row r="33" spans="1:7" x14ac:dyDescent="0.35">
      <c r="D33" s="8" t="s">
        <v>258</v>
      </c>
    </row>
    <row r="34" spans="1:7" x14ac:dyDescent="0.35">
      <c r="A34" s="1" t="s">
        <v>147</v>
      </c>
      <c r="D34" s="5" t="s">
        <v>139</v>
      </c>
    </row>
    <row r="35" spans="1:7" x14ac:dyDescent="0.35">
      <c r="B35" s="1" t="s">
        <v>294</v>
      </c>
      <c r="C35" s="1" t="s">
        <v>302</v>
      </c>
      <c r="D35" s="8" t="s">
        <v>259</v>
      </c>
    </row>
    <row r="36" spans="1:7" x14ac:dyDescent="0.35">
      <c r="D36" s="5" t="s">
        <v>36</v>
      </c>
    </row>
    <row r="37" spans="1:7" x14ac:dyDescent="0.35">
      <c r="D37" s="8" t="s">
        <v>235</v>
      </c>
    </row>
    <row r="38" spans="1:7" x14ac:dyDescent="0.35">
      <c r="D38" s="8" t="s">
        <v>236</v>
      </c>
    </row>
    <row r="39" spans="1:7" x14ac:dyDescent="0.35">
      <c r="A39" s="1" t="s">
        <v>144</v>
      </c>
      <c r="D39" s="5" t="s">
        <v>32</v>
      </c>
      <c r="G39" s="1" t="s">
        <v>2</v>
      </c>
    </row>
    <row r="40" spans="1:7" x14ac:dyDescent="0.35">
      <c r="A40" s="1" t="s">
        <v>163</v>
      </c>
      <c r="B40" s="1" t="s">
        <v>297</v>
      </c>
      <c r="C40" s="1" t="s">
        <v>303</v>
      </c>
      <c r="D40" s="5" t="s">
        <v>161</v>
      </c>
    </row>
    <row r="41" spans="1:7" x14ac:dyDescent="0.35">
      <c r="D41" s="8" t="s">
        <v>237</v>
      </c>
    </row>
    <row r="42" spans="1:7" x14ac:dyDescent="0.35">
      <c r="A42" s="1" t="s">
        <v>52</v>
      </c>
      <c r="B42" s="1" t="s">
        <v>294</v>
      </c>
      <c r="C42" s="1" t="s">
        <v>302</v>
      </c>
      <c r="D42" s="2" t="s">
        <v>40</v>
      </c>
      <c r="E42" s="2" t="s">
        <v>40</v>
      </c>
      <c r="F42" s="2" t="s">
        <v>69</v>
      </c>
      <c r="G42" s="3" t="s">
        <v>319</v>
      </c>
    </row>
    <row r="43" spans="1:7" x14ac:dyDescent="0.35">
      <c r="D43" s="8" t="s">
        <v>212</v>
      </c>
    </row>
    <row r="44" spans="1:7" x14ac:dyDescent="0.35">
      <c r="D44" s="8" t="s">
        <v>260</v>
      </c>
    </row>
    <row r="45" spans="1:7" x14ac:dyDescent="0.35">
      <c r="B45" s="1" t="s">
        <v>297</v>
      </c>
      <c r="C45" s="1" t="s">
        <v>304</v>
      </c>
      <c r="D45" s="8" t="s">
        <v>232</v>
      </c>
    </row>
    <row r="46" spans="1:7" x14ac:dyDescent="0.35">
      <c r="A46" s="1" t="s">
        <v>137</v>
      </c>
      <c r="D46" s="9" t="s">
        <v>148</v>
      </c>
      <c r="F46" s="1" t="s">
        <v>16</v>
      </c>
      <c r="G46" s="1" t="s">
        <v>2</v>
      </c>
    </row>
    <row r="47" spans="1:7" x14ac:dyDescent="0.35">
      <c r="B47" s="1" t="s">
        <v>294</v>
      </c>
      <c r="C47" s="1" t="s">
        <v>298</v>
      </c>
      <c r="D47" s="8" t="s">
        <v>261</v>
      </c>
    </row>
    <row r="48" spans="1:7" x14ac:dyDescent="0.35">
      <c r="D48" s="8" t="s">
        <v>213</v>
      </c>
    </row>
    <row r="49" spans="1:7" x14ac:dyDescent="0.35">
      <c r="A49" s="1" t="s">
        <v>62</v>
      </c>
      <c r="D49" s="5" t="s">
        <v>3</v>
      </c>
      <c r="E49" s="1" t="s">
        <v>4</v>
      </c>
      <c r="F49" s="1" t="s">
        <v>73</v>
      </c>
      <c r="G49" s="3" t="s">
        <v>0</v>
      </c>
    </row>
    <row r="50" spans="1:7" x14ac:dyDescent="0.35">
      <c r="B50" s="1" t="s">
        <v>297</v>
      </c>
      <c r="C50" s="1" t="s">
        <v>301</v>
      </c>
      <c r="D50" s="8" t="s">
        <v>197</v>
      </c>
    </row>
    <row r="51" spans="1:7" x14ac:dyDescent="0.35">
      <c r="D51" s="8" t="s">
        <v>238</v>
      </c>
    </row>
    <row r="52" spans="1:7" x14ac:dyDescent="0.35">
      <c r="A52" s="1" t="s">
        <v>175</v>
      </c>
      <c r="D52" s="1" t="s">
        <v>183</v>
      </c>
      <c r="E52" s="1" t="s">
        <v>183</v>
      </c>
      <c r="F52" s="1" t="s">
        <v>184</v>
      </c>
      <c r="G52" s="1" t="s">
        <v>2</v>
      </c>
    </row>
    <row r="53" spans="1:7" x14ac:dyDescent="0.35">
      <c r="B53" s="1" t="s">
        <v>297</v>
      </c>
      <c r="C53" s="1" t="s">
        <v>303</v>
      </c>
      <c r="D53" s="8" t="s">
        <v>214</v>
      </c>
    </row>
    <row r="54" spans="1:7" x14ac:dyDescent="0.35">
      <c r="A54" s="1" t="s">
        <v>125</v>
      </c>
      <c r="D54" s="5" t="s">
        <v>133</v>
      </c>
    </row>
    <row r="55" spans="1:7" x14ac:dyDescent="0.35">
      <c r="B55" s="1" t="s">
        <v>297</v>
      </c>
      <c r="C55" s="1" t="s">
        <v>303</v>
      </c>
      <c r="D55" s="8" t="s">
        <v>215</v>
      </c>
    </row>
    <row r="56" spans="1:7" x14ac:dyDescent="0.35">
      <c r="D56" s="8" t="s">
        <v>198</v>
      </c>
    </row>
    <row r="57" spans="1:7" x14ac:dyDescent="0.35">
      <c r="D57" s="8" t="s">
        <v>216</v>
      </c>
    </row>
    <row r="58" spans="1:7" x14ac:dyDescent="0.35">
      <c r="B58" s="1" t="s">
        <v>294</v>
      </c>
      <c r="C58" s="1" t="s">
        <v>302</v>
      </c>
      <c r="D58" s="12" t="s">
        <v>322</v>
      </c>
      <c r="F58" s="1" t="s">
        <v>323</v>
      </c>
      <c r="G58" s="1" t="s">
        <v>318</v>
      </c>
    </row>
    <row r="59" spans="1:7" x14ac:dyDescent="0.35">
      <c r="D59" s="8" t="s">
        <v>217</v>
      </c>
    </row>
    <row r="60" spans="1:7" x14ac:dyDescent="0.35">
      <c r="B60" s="1" t="s">
        <v>294</v>
      </c>
      <c r="C60" s="1" t="s">
        <v>302</v>
      </c>
      <c r="D60" s="8" t="s">
        <v>262</v>
      </c>
    </row>
    <row r="61" spans="1:7" x14ac:dyDescent="0.35">
      <c r="D61" s="1" t="s">
        <v>338</v>
      </c>
      <c r="F61" s="1" t="s">
        <v>339</v>
      </c>
      <c r="G61" s="1" t="s">
        <v>318</v>
      </c>
    </row>
    <row r="62" spans="1:7" x14ac:dyDescent="0.35">
      <c r="A62" s="1" t="s">
        <v>142</v>
      </c>
      <c r="D62" s="10" t="s">
        <v>151</v>
      </c>
      <c r="E62" s="1" t="s">
        <v>152</v>
      </c>
      <c r="F62" s="1" t="s">
        <v>26</v>
      </c>
      <c r="G62" s="1" t="s">
        <v>2</v>
      </c>
    </row>
    <row r="63" spans="1:7" x14ac:dyDescent="0.35">
      <c r="D63" s="8" t="s">
        <v>244</v>
      </c>
    </row>
    <row r="64" spans="1:7" x14ac:dyDescent="0.35">
      <c r="D64" s="8" t="s">
        <v>263</v>
      </c>
    </row>
    <row r="65" spans="1:7" x14ac:dyDescent="0.35">
      <c r="D65" s="8" t="s">
        <v>192</v>
      </c>
    </row>
    <row r="66" spans="1:7" x14ac:dyDescent="0.35">
      <c r="D66" s="8" t="s">
        <v>239</v>
      </c>
    </row>
    <row r="67" spans="1:7" x14ac:dyDescent="0.35">
      <c r="A67" s="1" t="s">
        <v>116</v>
      </c>
      <c r="D67" s="5" t="s">
        <v>117</v>
      </c>
      <c r="E67" s="1" t="s">
        <v>37</v>
      </c>
    </row>
    <row r="68" spans="1:7" x14ac:dyDescent="0.35">
      <c r="A68" s="1" t="s">
        <v>146</v>
      </c>
      <c r="D68" s="5" t="s">
        <v>156</v>
      </c>
      <c r="E68" s="1" t="s">
        <v>37</v>
      </c>
    </row>
    <row r="69" spans="1:7" x14ac:dyDescent="0.35">
      <c r="A69" s="1" t="s">
        <v>170</v>
      </c>
      <c r="D69" s="5" t="s">
        <v>156</v>
      </c>
      <c r="E69" s="1" t="s">
        <v>37</v>
      </c>
    </row>
    <row r="70" spans="1:7" x14ac:dyDescent="0.35">
      <c r="A70" s="1" t="s">
        <v>164</v>
      </c>
      <c r="D70" s="5" t="s">
        <v>156</v>
      </c>
      <c r="E70" s="1" t="s">
        <v>37</v>
      </c>
    </row>
    <row r="71" spans="1:7" x14ac:dyDescent="0.35">
      <c r="A71" s="1" t="s">
        <v>163</v>
      </c>
      <c r="D71" s="5" t="s">
        <v>156</v>
      </c>
      <c r="E71" s="1" t="s">
        <v>37</v>
      </c>
    </row>
    <row r="72" spans="1:7" x14ac:dyDescent="0.35">
      <c r="A72" s="1" t="s">
        <v>147</v>
      </c>
      <c r="D72" s="5" t="s">
        <v>138</v>
      </c>
      <c r="E72" s="1" t="s">
        <v>37</v>
      </c>
    </row>
    <row r="73" spans="1:7" x14ac:dyDescent="0.35">
      <c r="A73" s="1" t="s">
        <v>82</v>
      </c>
      <c r="D73" s="5" t="s">
        <v>10</v>
      </c>
      <c r="E73" s="1" t="s">
        <v>37</v>
      </c>
      <c r="F73" s="1" t="s">
        <v>83</v>
      </c>
      <c r="G73" s="3" t="s">
        <v>85</v>
      </c>
    </row>
    <row r="74" spans="1:7" x14ac:dyDescent="0.35">
      <c r="A74" s="1" t="s">
        <v>61</v>
      </c>
      <c r="D74" s="5" t="s">
        <v>53</v>
      </c>
      <c r="E74" s="2" t="s">
        <v>54</v>
      </c>
      <c r="F74" s="2" t="s">
        <v>56</v>
      </c>
      <c r="G74" s="3" t="s">
        <v>0</v>
      </c>
    </row>
    <row r="75" spans="1:7" x14ac:dyDescent="0.35">
      <c r="D75" s="8" t="s">
        <v>240</v>
      </c>
    </row>
    <row r="76" spans="1:7" x14ac:dyDescent="0.35">
      <c r="A76" s="1" t="s">
        <v>61</v>
      </c>
      <c r="D76" s="5" t="s">
        <v>60</v>
      </c>
      <c r="E76" s="2" t="s">
        <v>59</v>
      </c>
      <c r="F76" s="2" t="s">
        <v>56</v>
      </c>
      <c r="G76" s="3" t="s">
        <v>0</v>
      </c>
    </row>
    <row r="77" spans="1:7" x14ac:dyDescent="0.35">
      <c r="A77" s="1" t="s">
        <v>61</v>
      </c>
      <c r="D77" s="5" t="s">
        <v>58</v>
      </c>
      <c r="E77" s="2" t="s">
        <v>59</v>
      </c>
      <c r="F77" s="2" t="s">
        <v>56</v>
      </c>
      <c r="G77" s="3" t="s">
        <v>0</v>
      </c>
    </row>
    <row r="78" spans="1:7" x14ac:dyDescent="0.35">
      <c r="B78" s="1" t="s">
        <v>294</v>
      </c>
      <c r="C78" s="1" t="s">
        <v>302</v>
      </c>
      <c r="D78" s="8" t="s">
        <v>264</v>
      </c>
    </row>
    <row r="79" spans="1:7" x14ac:dyDescent="0.35">
      <c r="A79" s="1" t="s">
        <v>143</v>
      </c>
      <c r="D79" s="1" t="s">
        <v>165</v>
      </c>
      <c r="E79" s="1" t="s">
        <v>165</v>
      </c>
      <c r="F79" s="1" t="s">
        <v>166</v>
      </c>
      <c r="G79" s="1" t="s">
        <v>2</v>
      </c>
    </row>
    <row r="80" spans="1:7" x14ac:dyDescent="0.35">
      <c r="D80" s="8" t="s">
        <v>265</v>
      </c>
    </row>
    <row r="81" spans="1:7" x14ac:dyDescent="0.35">
      <c r="B81" s="1" t="s">
        <v>294</v>
      </c>
      <c r="C81" s="1" t="s">
        <v>298</v>
      </c>
      <c r="D81" s="8" t="s">
        <v>266</v>
      </c>
    </row>
    <row r="82" spans="1:7" x14ac:dyDescent="0.35">
      <c r="B82" s="1" t="s">
        <v>294</v>
      </c>
      <c r="C82" s="1" t="s">
        <v>298</v>
      </c>
      <c r="D82" s="8" t="s">
        <v>267</v>
      </c>
    </row>
    <row r="83" spans="1:7" x14ac:dyDescent="0.35">
      <c r="A83" s="1" t="s">
        <v>113</v>
      </c>
      <c r="D83" s="1" t="s">
        <v>114</v>
      </c>
      <c r="E83" s="1" t="s">
        <v>112</v>
      </c>
      <c r="F83" s="1" t="s">
        <v>110</v>
      </c>
      <c r="G83" s="1" t="s">
        <v>1</v>
      </c>
    </row>
    <row r="84" spans="1:7" x14ac:dyDescent="0.35">
      <c r="D84" s="8" t="s">
        <v>242</v>
      </c>
    </row>
    <row r="85" spans="1:7" x14ac:dyDescent="0.35">
      <c r="A85" s="1" t="s">
        <v>113</v>
      </c>
      <c r="B85" s="1" t="s">
        <v>297</v>
      </c>
      <c r="C85" s="1" t="s">
        <v>303</v>
      </c>
      <c r="D85" s="1" t="s">
        <v>93</v>
      </c>
      <c r="E85" s="1" t="s">
        <v>93</v>
      </c>
      <c r="F85" s="1" t="s">
        <v>115</v>
      </c>
      <c r="G85" s="1" t="s">
        <v>324</v>
      </c>
    </row>
    <row r="86" spans="1:7" x14ac:dyDescent="0.35">
      <c r="A86" s="1" t="s">
        <v>113</v>
      </c>
      <c r="D86" s="1" t="s">
        <v>21</v>
      </c>
      <c r="E86" s="1" t="s">
        <v>111</v>
      </c>
      <c r="F86" s="1" t="s">
        <v>109</v>
      </c>
      <c r="G86" s="1" t="s">
        <v>1</v>
      </c>
    </row>
    <row r="87" spans="1:7" x14ac:dyDescent="0.35">
      <c r="D87" s="8" t="s">
        <v>219</v>
      </c>
    </row>
    <row r="88" spans="1:7" x14ac:dyDescent="0.35">
      <c r="D88" s="8" t="s">
        <v>199</v>
      </c>
    </row>
    <row r="89" spans="1:7" x14ac:dyDescent="0.35">
      <c r="D89" s="8" t="s">
        <v>268</v>
      </c>
    </row>
    <row r="90" spans="1:7" x14ac:dyDescent="0.35">
      <c r="D90" s="8" t="s">
        <v>269</v>
      </c>
    </row>
    <row r="91" spans="1:7" x14ac:dyDescent="0.35">
      <c r="A91" s="1" t="s">
        <v>170</v>
      </c>
      <c r="D91" s="5" t="s">
        <v>173</v>
      </c>
    </row>
    <row r="92" spans="1:7" x14ac:dyDescent="0.35">
      <c r="B92" s="1" t="s">
        <v>294</v>
      </c>
      <c r="C92" s="1" t="s">
        <v>302</v>
      </c>
      <c r="D92" s="8" t="s">
        <v>270</v>
      </c>
    </row>
    <row r="93" spans="1:7" x14ac:dyDescent="0.35">
      <c r="A93" s="1" t="s">
        <v>163</v>
      </c>
      <c r="D93" s="5" t="s">
        <v>162</v>
      </c>
    </row>
    <row r="94" spans="1:7" x14ac:dyDescent="0.35">
      <c r="A94" s="1" t="s">
        <v>52</v>
      </c>
      <c r="D94" s="2" t="s">
        <v>38</v>
      </c>
      <c r="E94" s="2" t="s">
        <v>38</v>
      </c>
      <c r="F94" s="2" t="s">
        <v>67</v>
      </c>
      <c r="G94" s="3" t="s">
        <v>319</v>
      </c>
    </row>
    <row r="95" spans="1:7" x14ac:dyDescent="0.35">
      <c r="A95" s="1" t="s">
        <v>315</v>
      </c>
      <c r="D95" s="2" t="s">
        <v>313</v>
      </c>
      <c r="E95" s="2"/>
      <c r="F95" s="2" t="s">
        <v>314</v>
      </c>
      <c r="G95" s="3" t="s">
        <v>319</v>
      </c>
    </row>
    <row r="96" spans="1:7" x14ac:dyDescent="0.35">
      <c r="B96" s="1" t="s">
        <v>294</v>
      </c>
      <c r="C96" s="1" t="s">
        <v>299</v>
      </c>
      <c r="D96" s="2" t="s">
        <v>334</v>
      </c>
      <c r="E96" s="2"/>
      <c r="F96" s="2" t="s">
        <v>335</v>
      </c>
      <c r="G96" s="3" t="s">
        <v>318</v>
      </c>
    </row>
    <row r="97" spans="1:7" x14ac:dyDescent="0.35">
      <c r="A97" s="1" t="s">
        <v>52</v>
      </c>
      <c r="D97" s="2" t="s">
        <v>333</v>
      </c>
      <c r="E97" s="2" t="s">
        <v>39</v>
      </c>
      <c r="F97" s="2" t="s">
        <v>68</v>
      </c>
      <c r="G97" s="3" t="s">
        <v>319</v>
      </c>
    </row>
    <row r="98" spans="1:7" x14ac:dyDescent="0.35">
      <c r="D98" s="8" t="s">
        <v>271</v>
      </c>
    </row>
    <row r="99" spans="1:7" x14ac:dyDescent="0.35">
      <c r="D99" s="8" t="s">
        <v>220</v>
      </c>
    </row>
    <row r="100" spans="1:7" x14ac:dyDescent="0.35">
      <c r="B100" s="1" t="s">
        <v>294</v>
      </c>
      <c r="C100" s="1" t="s">
        <v>298</v>
      </c>
      <c r="D100" s="8" t="s">
        <v>272</v>
      </c>
    </row>
    <row r="101" spans="1:7" x14ac:dyDescent="0.35">
      <c r="A101" s="1" t="s">
        <v>163</v>
      </c>
      <c r="D101" s="5" t="s">
        <v>159</v>
      </c>
    </row>
    <row r="102" spans="1:7" x14ac:dyDescent="0.35">
      <c r="B102" s="1" t="s">
        <v>305</v>
      </c>
      <c r="C102" s="1" t="s">
        <v>306</v>
      </c>
      <c r="D102" s="8" t="s">
        <v>201</v>
      </c>
    </row>
    <row r="103" spans="1:7" x14ac:dyDescent="0.35">
      <c r="D103" s="8" t="s">
        <v>273</v>
      </c>
    </row>
    <row r="104" spans="1:7" x14ac:dyDescent="0.35">
      <c r="D104" s="8" t="s">
        <v>200</v>
      </c>
    </row>
    <row r="105" spans="1:7" x14ac:dyDescent="0.35">
      <c r="A105" s="1" t="s">
        <v>170</v>
      </c>
      <c r="D105" s="5" t="s">
        <v>172</v>
      </c>
    </row>
    <row r="106" spans="1:7" x14ac:dyDescent="0.35">
      <c r="A106" s="1" t="s">
        <v>81</v>
      </c>
      <c r="B106" s="1" t="s">
        <v>305</v>
      </c>
      <c r="C106" s="1" t="s">
        <v>306</v>
      </c>
      <c r="D106" s="1" t="s">
        <v>8</v>
      </c>
      <c r="E106" s="1" t="s">
        <v>9</v>
      </c>
      <c r="F106" s="1" t="s">
        <v>80</v>
      </c>
      <c r="G106" s="3" t="s">
        <v>319</v>
      </c>
    </row>
    <row r="107" spans="1:7" x14ac:dyDescent="0.35">
      <c r="A107" s="1" t="s">
        <v>81</v>
      </c>
      <c r="B107" s="1" t="s">
        <v>305</v>
      </c>
      <c r="C107" s="1" t="s">
        <v>306</v>
      </c>
      <c r="D107" s="1" t="s">
        <v>6</v>
      </c>
      <c r="E107" s="1" t="s">
        <v>7</v>
      </c>
      <c r="F107" s="1" t="s">
        <v>79</v>
      </c>
      <c r="G107" s="3" t="s">
        <v>319</v>
      </c>
    </row>
    <row r="108" spans="1:7" x14ac:dyDescent="0.35">
      <c r="B108" s="1" t="s">
        <v>297</v>
      </c>
      <c r="C108" s="1" t="s">
        <v>303</v>
      </c>
      <c r="D108" s="8" t="s">
        <v>187</v>
      </c>
    </row>
    <row r="109" spans="1:7" x14ac:dyDescent="0.35">
      <c r="A109" s="1" t="s">
        <v>175</v>
      </c>
      <c r="D109" s="1" t="s">
        <v>178</v>
      </c>
      <c r="E109" s="1" t="s">
        <v>178</v>
      </c>
      <c r="F109" s="1" t="s">
        <v>179</v>
      </c>
      <c r="G109" s="1" t="s">
        <v>2</v>
      </c>
    </row>
    <row r="110" spans="1:7" x14ac:dyDescent="0.35">
      <c r="B110" s="1" t="s">
        <v>297</v>
      </c>
      <c r="C110" s="1" t="s">
        <v>303</v>
      </c>
      <c r="D110" s="8" t="s">
        <v>274</v>
      </c>
    </row>
    <row r="111" spans="1:7" x14ac:dyDescent="0.35">
      <c r="B111" s="1" t="s">
        <v>294</v>
      </c>
      <c r="C111" s="1" t="s">
        <v>299</v>
      </c>
      <c r="D111" s="8" t="s">
        <v>275</v>
      </c>
    </row>
    <row r="112" spans="1:7" x14ac:dyDescent="0.35">
      <c r="A112" s="1" t="s">
        <v>175</v>
      </c>
      <c r="D112" s="1" t="s">
        <v>180</v>
      </c>
      <c r="E112" s="1" t="s">
        <v>180</v>
      </c>
      <c r="F112" s="1" t="s">
        <v>181</v>
      </c>
      <c r="G112" s="1" t="s">
        <v>2</v>
      </c>
    </row>
    <row r="113" spans="1:7" x14ac:dyDescent="0.35">
      <c r="A113" s="1" t="s">
        <v>147</v>
      </c>
      <c r="D113" s="5" t="s">
        <v>141</v>
      </c>
      <c r="G113" s="1" t="s">
        <v>2</v>
      </c>
    </row>
    <row r="114" spans="1:7" x14ac:dyDescent="0.35">
      <c r="A114" s="1" t="s">
        <v>82</v>
      </c>
      <c r="D114" s="5" t="s">
        <v>11</v>
      </c>
      <c r="E114" s="6" t="s">
        <v>49</v>
      </c>
      <c r="F114" s="1" t="s">
        <v>83</v>
      </c>
      <c r="G114" s="3" t="s">
        <v>85</v>
      </c>
    </row>
    <row r="115" spans="1:7" x14ac:dyDescent="0.35">
      <c r="D115" s="8" t="s">
        <v>202</v>
      </c>
    </row>
    <row r="116" spans="1:7" x14ac:dyDescent="0.35">
      <c r="A116" s="1" t="s">
        <v>144</v>
      </c>
      <c r="D116" s="5" t="s">
        <v>167</v>
      </c>
    </row>
    <row r="117" spans="1:7" x14ac:dyDescent="0.35">
      <c r="A117" s="1" t="s">
        <v>164</v>
      </c>
      <c r="D117" s="5" t="s">
        <v>167</v>
      </c>
    </row>
    <row r="118" spans="1:7" x14ac:dyDescent="0.35">
      <c r="A118" s="1" t="s">
        <v>118</v>
      </c>
      <c r="D118" s="1" t="s">
        <v>119</v>
      </c>
      <c r="E118" s="1" t="s">
        <v>119</v>
      </c>
      <c r="F118" s="1" t="s">
        <v>120</v>
      </c>
      <c r="G118" s="1" t="s">
        <v>2</v>
      </c>
    </row>
    <row r="119" spans="1:7" x14ac:dyDescent="0.35">
      <c r="A119" s="1" t="s">
        <v>147</v>
      </c>
      <c r="D119" s="5" t="s">
        <v>140</v>
      </c>
    </row>
    <row r="120" spans="1:7" x14ac:dyDescent="0.35">
      <c r="A120" s="1" t="s">
        <v>146</v>
      </c>
      <c r="D120" s="5" t="s">
        <v>182</v>
      </c>
    </row>
    <row r="121" spans="1:7" x14ac:dyDescent="0.35">
      <c r="A121" s="1" t="s">
        <v>144</v>
      </c>
      <c r="D121" s="7" t="s">
        <v>186</v>
      </c>
    </row>
    <row r="122" spans="1:7" x14ac:dyDescent="0.35">
      <c r="B122" s="1" t="s">
        <v>297</v>
      </c>
      <c r="C122" s="1" t="s">
        <v>303</v>
      </c>
      <c r="D122" s="8" t="s">
        <v>276</v>
      </c>
    </row>
    <row r="123" spans="1:7" x14ac:dyDescent="0.35">
      <c r="B123" s="1" t="s">
        <v>294</v>
      </c>
      <c r="C123" s="1" t="s">
        <v>299</v>
      </c>
      <c r="D123" s="8" t="s">
        <v>277</v>
      </c>
    </row>
    <row r="124" spans="1:7" x14ac:dyDescent="0.35">
      <c r="D124" s="8" t="s">
        <v>226</v>
      </c>
    </row>
    <row r="125" spans="1:7" x14ac:dyDescent="0.35">
      <c r="D125" s="8" t="s">
        <v>278</v>
      </c>
    </row>
    <row r="126" spans="1:7" x14ac:dyDescent="0.35">
      <c r="B126" s="1" t="s">
        <v>294</v>
      </c>
      <c r="C126" s="1" t="s">
        <v>298</v>
      </c>
      <c r="D126" s="8" t="s">
        <v>193</v>
      </c>
    </row>
    <row r="127" spans="1:7" x14ac:dyDescent="0.35">
      <c r="B127" s="1" t="s">
        <v>297</v>
      </c>
      <c r="C127" s="1" t="s">
        <v>307</v>
      </c>
      <c r="D127" s="8" t="s">
        <v>221</v>
      </c>
    </row>
    <row r="128" spans="1:7" x14ac:dyDescent="0.35">
      <c r="A128" s="1" t="s">
        <v>145</v>
      </c>
      <c r="D128" s="5" t="s">
        <v>312</v>
      </c>
      <c r="G128" s="1" t="s">
        <v>2</v>
      </c>
    </row>
    <row r="129" spans="1:7" x14ac:dyDescent="0.35">
      <c r="A129" s="1" t="s">
        <v>125</v>
      </c>
      <c r="D129" s="11" t="s">
        <v>23</v>
      </c>
      <c r="E129" s="1" t="s">
        <v>126</v>
      </c>
      <c r="F129" s="1" t="s">
        <v>24</v>
      </c>
      <c r="G129" s="1" t="s">
        <v>2</v>
      </c>
    </row>
    <row r="130" spans="1:7" x14ac:dyDescent="0.35">
      <c r="A130" s="1" t="s">
        <v>96</v>
      </c>
      <c r="D130" s="1" t="s">
        <v>101</v>
      </c>
      <c r="E130" s="1" t="s">
        <v>101</v>
      </c>
      <c r="F130" s="1" t="s">
        <v>102</v>
      </c>
      <c r="G130" s="1" t="s">
        <v>2</v>
      </c>
    </row>
    <row r="131" spans="1:7" x14ac:dyDescent="0.35">
      <c r="D131" s="8" t="s">
        <v>223</v>
      </c>
    </row>
    <row r="132" spans="1:7" x14ac:dyDescent="0.35">
      <c r="A132" s="1" t="s">
        <v>174</v>
      </c>
      <c r="D132" s="5" t="s">
        <v>34</v>
      </c>
      <c r="G132" s="1" t="s">
        <v>2</v>
      </c>
    </row>
    <row r="133" spans="1:7" x14ac:dyDescent="0.35">
      <c r="B133" s="1" t="s">
        <v>297</v>
      </c>
      <c r="C133" s="1" t="s">
        <v>303</v>
      </c>
      <c r="D133" s="8" t="s">
        <v>279</v>
      </c>
    </row>
    <row r="134" spans="1:7" x14ac:dyDescent="0.35">
      <c r="B134" s="1" t="s">
        <v>294</v>
      </c>
      <c r="C134" s="1" t="s">
        <v>302</v>
      </c>
      <c r="D134" s="1" t="s">
        <v>320</v>
      </c>
      <c r="F134" s="1" t="s">
        <v>321</v>
      </c>
      <c r="G134" s="1" t="s">
        <v>318</v>
      </c>
    </row>
    <row r="135" spans="1:7" x14ac:dyDescent="0.35">
      <c r="B135" s="1" t="s">
        <v>297</v>
      </c>
      <c r="C135" s="1" t="s">
        <v>303</v>
      </c>
      <c r="D135" s="8" t="s">
        <v>188</v>
      </c>
    </row>
    <row r="136" spans="1:7" x14ac:dyDescent="0.35">
      <c r="B136" s="1" t="s">
        <v>297</v>
      </c>
      <c r="C136" s="1" t="s">
        <v>303</v>
      </c>
      <c r="D136" s="8" t="s">
        <v>189</v>
      </c>
    </row>
    <row r="137" spans="1:7" x14ac:dyDescent="0.35">
      <c r="D137" s="8" t="s">
        <v>241</v>
      </c>
    </row>
    <row r="138" spans="1:7" x14ac:dyDescent="0.35">
      <c r="D138" s="8" t="s">
        <v>224</v>
      </c>
    </row>
    <row r="139" spans="1:7" x14ac:dyDescent="0.35">
      <c r="D139" s="8" t="s">
        <v>225</v>
      </c>
    </row>
    <row r="140" spans="1:7" x14ac:dyDescent="0.35">
      <c r="B140" s="1" t="s">
        <v>297</v>
      </c>
      <c r="C140" s="1" t="s">
        <v>303</v>
      </c>
      <c r="D140" s="8" t="s">
        <v>280</v>
      </c>
    </row>
    <row r="141" spans="1:7" x14ac:dyDescent="0.35">
      <c r="D141" s="8" t="s">
        <v>281</v>
      </c>
    </row>
    <row r="142" spans="1:7" x14ac:dyDescent="0.35">
      <c r="D142" s="10" t="s">
        <v>282</v>
      </c>
    </row>
    <row r="143" spans="1:7" x14ac:dyDescent="0.35">
      <c r="A143" s="1" t="s">
        <v>125</v>
      </c>
      <c r="D143" s="5" t="s">
        <v>135</v>
      </c>
      <c r="F143" s="1" t="s">
        <v>136</v>
      </c>
      <c r="G143" s="1" t="s">
        <v>2</v>
      </c>
    </row>
    <row r="144" spans="1:7" x14ac:dyDescent="0.35">
      <c r="A144" s="1" t="s">
        <v>62</v>
      </c>
      <c r="D144" s="5" t="s">
        <v>63</v>
      </c>
      <c r="E144" s="1" t="s">
        <v>4</v>
      </c>
      <c r="F144" s="1" t="s">
        <v>73</v>
      </c>
      <c r="G144" s="3" t="s">
        <v>0</v>
      </c>
    </row>
    <row r="145" spans="1:7" x14ac:dyDescent="0.35">
      <c r="B145" s="1" t="s">
        <v>294</v>
      </c>
      <c r="C145" s="1" t="s">
        <v>302</v>
      </c>
      <c r="D145" s="1" t="s">
        <v>316</v>
      </c>
      <c r="F145" s="1" t="s">
        <v>317</v>
      </c>
      <c r="G145" s="3" t="s">
        <v>318</v>
      </c>
    </row>
    <row r="146" spans="1:7" x14ac:dyDescent="0.35">
      <c r="B146" s="1" t="s">
        <v>297</v>
      </c>
      <c r="C146" s="1" t="s">
        <v>308</v>
      </c>
      <c r="D146" s="8" t="s">
        <v>203</v>
      </c>
    </row>
    <row r="147" spans="1:7" x14ac:dyDescent="0.35">
      <c r="D147" s="8" t="s">
        <v>222</v>
      </c>
    </row>
    <row r="148" spans="1:7" x14ac:dyDescent="0.35">
      <c r="A148" s="1" t="s">
        <v>107</v>
      </c>
      <c r="D148" s="5" t="s">
        <v>18</v>
      </c>
      <c r="G148" s="1" t="s">
        <v>85</v>
      </c>
    </row>
    <row r="149" spans="1:7" x14ac:dyDescent="0.35">
      <c r="B149" s="1" t="s">
        <v>294</v>
      </c>
      <c r="C149" s="1" t="s">
        <v>299</v>
      </c>
      <c r="D149" s="8" t="s">
        <v>283</v>
      </c>
    </row>
    <row r="150" spans="1:7" x14ac:dyDescent="0.35">
      <c r="D150" s="8" t="s">
        <v>284</v>
      </c>
    </row>
    <row r="151" spans="1:7" x14ac:dyDescent="0.35">
      <c r="B151" s="1" t="s">
        <v>297</v>
      </c>
      <c r="C151" s="1" t="s">
        <v>303</v>
      </c>
      <c r="D151" s="1" t="s">
        <v>4</v>
      </c>
      <c r="F151" s="1" t="s">
        <v>73</v>
      </c>
      <c r="G151" s="1" t="s">
        <v>318</v>
      </c>
    </row>
    <row r="152" spans="1:7" x14ac:dyDescent="0.35">
      <c r="A152" s="1" t="s">
        <v>94</v>
      </c>
      <c r="D152" s="5" t="s">
        <v>95</v>
      </c>
      <c r="G152" s="6"/>
    </row>
    <row r="153" spans="1:7" x14ac:dyDescent="0.35">
      <c r="A153" s="1" t="s">
        <v>174</v>
      </c>
      <c r="D153" s="5" t="s">
        <v>33</v>
      </c>
      <c r="G153" s="1" t="s">
        <v>2</v>
      </c>
    </row>
    <row r="154" spans="1:7" x14ac:dyDescent="0.35">
      <c r="A154" s="1" t="s">
        <v>88</v>
      </c>
      <c r="D154" s="5" t="s">
        <v>13</v>
      </c>
      <c r="E154" s="1" t="s">
        <v>90</v>
      </c>
      <c r="F154" s="1" t="s">
        <v>91</v>
      </c>
      <c r="G154" s="1" t="s">
        <v>89</v>
      </c>
    </row>
    <row r="155" spans="1:7" x14ac:dyDescent="0.35">
      <c r="A155" s="1" t="s">
        <v>107</v>
      </c>
      <c r="D155" s="5" t="s">
        <v>20</v>
      </c>
      <c r="F155" s="1" t="s">
        <v>108</v>
      </c>
      <c r="G155" s="1" t="s">
        <v>2</v>
      </c>
    </row>
    <row r="156" spans="1:7" x14ac:dyDescent="0.35">
      <c r="A156" s="1" t="s">
        <v>62</v>
      </c>
      <c r="B156" s="1" t="s">
        <v>297</v>
      </c>
      <c r="C156" s="1" t="s">
        <v>303</v>
      </c>
      <c r="D156" s="1" t="s">
        <v>44</v>
      </c>
      <c r="E156" s="1" t="s">
        <v>44</v>
      </c>
      <c r="F156" s="1" t="s">
        <v>73</v>
      </c>
      <c r="G156" s="3" t="s">
        <v>0</v>
      </c>
    </row>
    <row r="157" spans="1:7" x14ac:dyDescent="0.35">
      <c r="A157" s="1" t="s">
        <v>82</v>
      </c>
      <c r="D157" s="5" t="s">
        <v>12</v>
      </c>
      <c r="E157" s="6" t="s">
        <v>87</v>
      </c>
      <c r="F157" s="1" t="s">
        <v>56</v>
      </c>
      <c r="G157" s="1" t="s">
        <v>85</v>
      </c>
    </row>
    <row r="158" spans="1:7" x14ac:dyDescent="0.35">
      <c r="A158" s="1" t="s">
        <v>107</v>
      </c>
      <c r="D158" s="5" t="s">
        <v>19</v>
      </c>
      <c r="G158" s="1" t="s">
        <v>85</v>
      </c>
    </row>
    <row r="159" spans="1:7" x14ac:dyDescent="0.35">
      <c r="A159" s="1" t="s">
        <v>96</v>
      </c>
      <c r="D159" s="1" t="s">
        <v>103</v>
      </c>
      <c r="E159" s="1" t="s">
        <v>103</v>
      </c>
      <c r="F159" s="1" t="s">
        <v>104</v>
      </c>
      <c r="G159" s="1" t="s">
        <v>2</v>
      </c>
    </row>
    <row r="160" spans="1:7" x14ac:dyDescent="0.35">
      <c r="A160" s="1" t="s">
        <v>96</v>
      </c>
      <c r="D160" s="5" t="s">
        <v>14</v>
      </c>
    </row>
    <row r="161" spans="1:7" x14ac:dyDescent="0.35">
      <c r="A161" s="1" t="s">
        <v>52</v>
      </c>
      <c r="D161" s="5" t="s">
        <v>65</v>
      </c>
      <c r="E161" s="2"/>
      <c r="F161" s="2"/>
      <c r="G161" s="3"/>
    </row>
    <row r="162" spans="1:7" x14ac:dyDescent="0.35">
      <c r="D162" s="8" t="s">
        <v>204</v>
      </c>
    </row>
    <row r="163" spans="1:7" x14ac:dyDescent="0.35">
      <c r="D163" s="8" t="s">
        <v>190</v>
      </c>
    </row>
    <row r="164" spans="1:7" x14ac:dyDescent="0.35">
      <c r="A164" s="1" t="s">
        <v>62</v>
      </c>
      <c r="D164" s="5" t="s">
        <v>64</v>
      </c>
      <c r="E164" s="1" t="s">
        <v>4</v>
      </c>
      <c r="F164" s="1" t="s">
        <v>73</v>
      </c>
      <c r="G164" s="3" t="s">
        <v>0</v>
      </c>
    </row>
    <row r="165" spans="1:7" x14ac:dyDescent="0.35">
      <c r="A165" s="1" t="s">
        <v>96</v>
      </c>
      <c r="D165" s="1" t="s">
        <v>99</v>
      </c>
      <c r="E165" s="1" t="s">
        <v>99</v>
      </c>
      <c r="F165" s="1" t="s">
        <v>100</v>
      </c>
      <c r="G165" s="6" t="s">
        <v>2</v>
      </c>
    </row>
    <row r="166" spans="1:7" x14ac:dyDescent="0.35">
      <c r="A166" s="1" t="s">
        <v>118</v>
      </c>
      <c r="D166" s="1" t="s">
        <v>121</v>
      </c>
      <c r="E166" s="1" t="s">
        <v>121</v>
      </c>
      <c r="F166" s="1" t="s">
        <v>122</v>
      </c>
      <c r="G166" s="1" t="s">
        <v>2</v>
      </c>
    </row>
    <row r="167" spans="1:7" x14ac:dyDescent="0.35">
      <c r="B167" s="1" t="s">
        <v>294</v>
      </c>
      <c r="C167" s="1" t="s">
        <v>299</v>
      </c>
      <c r="D167" s="1" t="s">
        <v>336</v>
      </c>
      <c r="F167" s="1" t="s">
        <v>337</v>
      </c>
      <c r="G167" s="1" t="s">
        <v>318</v>
      </c>
    </row>
    <row r="168" spans="1:7" x14ac:dyDescent="0.35">
      <c r="D168" s="8" t="s">
        <v>285</v>
      </c>
    </row>
    <row r="169" spans="1:7" x14ac:dyDescent="0.35">
      <c r="A169" s="1" t="s">
        <v>52</v>
      </c>
      <c r="D169" s="2" t="s">
        <v>42</v>
      </c>
      <c r="E169" s="2" t="s">
        <v>42</v>
      </c>
      <c r="F169" s="2" t="s">
        <v>71</v>
      </c>
      <c r="G169" s="3" t="s">
        <v>319</v>
      </c>
    </row>
    <row r="170" spans="1:7" x14ac:dyDescent="0.35">
      <c r="A170" s="1" t="s">
        <v>52</v>
      </c>
      <c r="B170" s="1" t="s">
        <v>294</v>
      </c>
      <c r="C170" s="1" t="s">
        <v>302</v>
      </c>
      <c r="D170" s="2" t="s">
        <v>43</v>
      </c>
      <c r="E170" s="2" t="s">
        <v>43</v>
      </c>
      <c r="F170" s="2" t="s">
        <v>72</v>
      </c>
      <c r="G170" s="3" t="s">
        <v>319</v>
      </c>
    </row>
    <row r="171" spans="1:7" x14ac:dyDescent="0.35">
      <c r="D171" s="8" t="s">
        <v>227</v>
      </c>
    </row>
    <row r="172" spans="1:7" x14ac:dyDescent="0.35">
      <c r="A172" s="1" t="s">
        <v>144</v>
      </c>
      <c r="D172" s="5" t="s">
        <v>168</v>
      </c>
    </row>
    <row r="173" spans="1:7" x14ac:dyDescent="0.35">
      <c r="A173" s="1" t="s">
        <v>146</v>
      </c>
      <c r="D173" s="5" t="s">
        <v>168</v>
      </c>
    </row>
    <row r="174" spans="1:7" x14ac:dyDescent="0.35">
      <c r="A174" s="1" t="s">
        <v>164</v>
      </c>
      <c r="D174" s="5" t="s">
        <v>168</v>
      </c>
    </row>
    <row r="175" spans="1:7" x14ac:dyDescent="0.35">
      <c r="A175" s="1" t="s">
        <v>163</v>
      </c>
      <c r="D175" s="5" t="s">
        <v>157</v>
      </c>
    </row>
    <row r="176" spans="1:7" x14ac:dyDescent="0.35">
      <c r="B176" s="1" t="s">
        <v>297</v>
      </c>
      <c r="C176" s="1" t="s">
        <v>303</v>
      </c>
      <c r="D176" s="8" t="s">
        <v>205</v>
      </c>
    </row>
    <row r="177" spans="1:7" x14ac:dyDescent="0.35">
      <c r="B177" s="1" t="s">
        <v>310</v>
      </c>
      <c r="C177" s="1" t="s">
        <v>304</v>
      </c>
      <c r="D177" s="8" t="s">
        <v>47</v>
      </c>
    </row>
    <row r="178" spans="1:7" x14ac:dyDescent="0.35">
      <c r="A178" s="1" t="s">
        <v>52</v>
      </c>
      <c r="D178" s="1" t="s">
        <v>47</v>
      </c>
      <c r="E178" s="1" t="s">
        <v>47</v>
      </c>
      <c r="G178" s="3" t="s">
        <v>0</v>
      </c>
    </row>
    <row r="179" spans="1:7" x14ac:dyDescent="0.35">
      <c r="A179" s="1" t="s">
        <v>164</v>
      </c>
      <c r="D179" s="9" t="s">
        <v>30</v>
      </c>
      <c r="G179" s="1" t="s">
        <v>2</v>
      </c>
    </row>
    <row r="180" spans="1:7" x14ac:dyDescent="0.35">
      <c r="D180" s="8" t="s">
        <v>228</v>
      </c>
    </row>
    <row r="181" spans="1:7" x14ac:dyDescent="0.35">
      <c r="D181" s="8" t="s">
        <v>191</v>
      </c>
    </row>
    <row r="182" spans="1:7" x14ac:dyDescent="0.35">
      <c r="D182" s="10" t="s">
        <v>243</v>
      </c>
    </row>
    <row r="183" spans="1:7" x14ac:dyDescent="0.35">
      <c r="B183" s="1" t="s">
        <v>294</v>
      </c>
      <c r="C183" s="1" t="s">
        <v>302</v>
      </c>
      <c r="D183" s="8" t="s">
        <v>286</v>
      </c>
    </row>
    <row r="184" spans="1:7" x14ac:dyDescent="0.35">
      <c r="A184" s="1" t="s">
        <v>52</v>
      </c>
      <c r="B184" s="1" t="s">
        <v>297</v>
      </c>
      <c r="C184" s="1" t="s">
        <v>309</v>
      </c>
      <c r="D184" s="5" t="s">
        <v>66</v>
      </c>
      <c r="E184" s="2"/>
      <c r="F184" s="2"/>
      <c r="G184" s="3"/>
    </row>
    <row r="185" spans="1:7" x14ac:dyDescent="0.35">
      <c r="D185" s="8" t="s">
        <v>287</v>
      </c>
    </row>
    <row r="186" spans="1:7" x14ac:dyDescent="0.35">
      <c r="A186" s="1" t="s">
        <v>52</v>
      </c>
      <c r="D186" s="1" t="s">
        <v>37</v>
      </c>
      <c r="E186" s="1" t="s">
        <v>37</v>
      </c>
      <c r="G186" s="3" t="s">
        <v>0</v>
      </c>
    </row>
    <row r="187" spans="1:7" x14ac:dyDescent="0.35">
      <c r="D187" s="8" t="s">
        <v>229</v>
      </c>
    </row>
    <row r="188" spans="1:7" x14ac:dyDescent="0.35">
      <c r="B188" s="1" t="s">
        <v>294</v>
      </c>
      <c r="C188" s="1" t="s">
        <v>302</v>
      </c>
      <c r="D188" s="8" t="s">
        <v>288</v>
      </c>
    </row>
    <row r="189" spans="1:7" x14ac:dyDescent="0.35">
      <c r="A189" s="1" t="s">
        <v>96</v>
      </c>
      <c r="D189" s="9" t="s">
        <v>15</v>
      </c>
    </row>
    <row r="190" spans="1:7" x14ac:dyDescent="0.35">
      <c r="A190" s="1" t="s">
        <v>142</v>
      </c>
      <c r="D190" s="9" t="s">
        <v>27</v>
      </c>
      <c r="E190" s="1" t="s">
        <v>153</v>
      </c>
      <c r="F190" s="1" t="s">
        <v>28</v>
      </c>
      <c r="G190" s="1" t="s">
        <v>2</v>
      </c>
    </row>
    <row r="191" spans="1:7" x14ac:dyDescent="0.35">
      <c r="A191" s="1" t="s">
        <v>163</v>
      </c>
      <c r="D191" s="9" t="s">
        <v>158</v>
      </c>
      <c r="G191" s="1" t="s">
        <v>2</v>
      </c>
    </row>
    <row r="192" spans="1:7" x14ac:dyDescent="0.35">
      <c r="A192" s="1" t="s">
        <v>170</v>
      </c>
      <c r="D192" s="9" t="s">
        <v>171</v>
      </c>
      <c r="G192" s="1" t="s">
        <v>2</v>
      </c>
    </row>
    <row r="193" spans="1:7" x14ac:dyDescent="0.35">
      <c r="A193" s="1" t="s">
        <v>144</v>
      </c>
      <c r="D193" s="5" t="s">
        <v>169</v>
      </c>
    </row>
    <row r="194" spans="1:7" x14ac:dyDescent="0.35">
      <c r="A194" s="1" t="s">
        <v>163</v>
      </c>
      <c r="D194" s="5" t="s">
        <v>160</v>
      </c>
    </row>
    <row r="195" spans="1:7" x14ac:dyDescent="0.35">
      <c r="A195" s="1" t="s">
        <v>82</v>
      </c>
      <c r="B195" s="1" t="s">
        <v>310</v>
      </c>
      <c r="C195" s="1" t="s">
        <v>304</v>
      </c>
      <c r="D195" s="5" t="s">
        <v>50</v>
      </c>
      <c r="E195" s="1" t="s">
        <v>86</v>
      </c>
      <c r="F195" s="1" t="s">
        <v>84</v>
      </c>
      <c r="G195" s="1" t="s">
        <v>85</v>
      </c>
    </row>
    <row r="196" spans="1:7" x14ac:dyDescent="0.35">
      <c r="A196" s="1" t="s">
        <v>88</v>
      </c>
      <c r="B196" s="1" t="s">
        <v>310</v>
      </c>
      <c r="C196" s="1" t="s">
        <v>304</v>
      </c>
      <c r="D196" s="5" t="s">
        <v>92</v>
      </c>
      <c r="G196" s="6" t="s">
        <v>89</v>
      </c>
    </row>
    <row r="197" spans="1:7" x14ac:dyDescent="0.35">
      <c r="B197" s="1" t="s">
        <v>310</v>
      </c>
      <c r="C197" s="1" t="s">
        <v>304</v>
      </c>
      <c r="D197" s="8" t="s">
        <v>92</v>
      </c>
    </row>
    <row r="198" spans="1:7" x14ac:dyDescent="0.35">
      <c r="B198" s="1" t="s">
        <v>297</v>
      </c>
      <c r="C198" s="1" t="s">
        <v>301</v>
      </c>
      <c r="D198" s="1" t="s">
        <v>325</v>
      </c>
      <c r="F198" s="1" t="s">
        <v>326</v>
      </c>
      <c r="G198" s="1" t="s">
        <v>318</v>
      </c>
    </row>
    <row r="199" spans="1:7" x14ac:dyDescent="0.35">
      <c r="D199" s="8" t="s">
        <v>230</v>
      </c>
    </row>
    <row r="200" spans="1:7" x14ac:dyDescent="0.35">
      <c r="D200" s="8" t="s">
        <v>207</v>
      </c>
    </row>
    <row r="201" spans="1:7" x14ac:dyDescent="0.35">
      <c r="A201" s="1" t="s">
        <v>137</v>
      </c>
      <c r="D201" s="5" t="s">
        <v>149</v>
      </c>
      <c r="G201" s="1" t="s">
        <v>2</v>
      </c>
    </row>
    <row r="202" spans="1:7" x14ac:dyDescent="0.35">
      <c r="A202" s="1" t="s">
        <v>137</v>
      </c>
      <c r="D202" s="5" t="s">
        <v>150</v>
      </c>
      <c r="G202" s="1" t="s">
        <v>2</v>
      </c>
    </row>
    <row r="203" spans="1:7" x14ac:dyDescent="0.35">
      <c r="D203" s="8" t="s">
        <v>233</v>
      </c>
    </row>
    <row r="204" spans="1:7" x14ac:dyDescent="0.35">
      <c r="A204" s="1" t="s">
        <v>96</v>
      </c>
      <c r="D204" s="1" t="s">
        <v>97</v>
      </c>
      <c r="E204" s="1" t="s">
        <v>97</v>
      </c>
      <c r="F204" s="1" t="s">
        <v>98</v>
      </c>
      <c r="G204" s="6" t="s">
        <v>2</v>
      </c>
    </row>
    <row r="205" spans="1:7" x14ac:dyDescent="0.35">
      <c r="D205" s="8" t="s">
        <v>289</v>
      </c>
    </row>
    <row r="206" spans="1:7" x14ac:dyDescent="0.35">
      <c r="A206" s="1" t="s">
        <v>125</v>
      </c>
      <c r="D206" s="5" t="s">
        <v>132</v>
      </c>
    </row>
    <row r="207" spans="1:7" x14ac:dyDescent="0.35">
      <c r="A207" s="1" t="s">
        <v>52</v>
      </c>
      <c r="B207" s="1" t="s">
        <v>294</v>
      </c>
      <c r="C207" s="1" t="s">
        <v>302</v>
      </c>
      <c r="D207" s="2" t="s">
        <v>41</v>
      </c>
      <c r="E207" s="2" t="s">
        <v>41</v>
      </c>
      <c r="F207" s="2" t="s">
        <v>70</v>
      </c>
      <c r="G207" s="3" t="s">
        <v>319</v>
      </c>
    </row>
    <row r="208" spans="1:7" x14ac:dyDescent="0.35">
      <c r="D208" s="8" t="s">
        <v>218</v>
      </c>
    </row>
    <row r="209" spans="1:7" x14ac:dyDescent="0.35">
      <c r="A209" s="1" t="s">
        <v>118</v>
      </c>
      <c r="D209" s="8" t="s">
        <v>22</v>
      </c>
      <c r="E209" s="1" t="s">
        <v>123</v>
      </c>
      <c r="F209" s="1" t="s">
        <v>124</v>
      </c>
      <c r="G209" s="1" t="s">
        <v>2</v>
      </c>
    </row>
    <row r="210" spans="1:7" x14ac:dyDescent="0.35">
      <c r="A210" s="1" t="s">
        <v>52</v>
      </c>
      <c r="B210" s="1" t="s">
        <v>297</v>
      </c>
      <c r="C210" s="1" t="s">
        <v>309</v>
      </c>
      <c r="D210" s="5" t="s">
        <v>5</v>
      </c>
      <c r="E210" s="2"/>
      <c r="F210" s="2"/>
      <c r="G210" s="3"/>
    </row>
    <row r="211" spans="1:7" x14ac:dyDescent="0.35">
      <c r="A211" s="1" t="s">
        <v>164</v>
      </c>
      <c r="D211" s="5" t="s">
        <v>31</v>
      </c>
      <c r="G211" s="1" t="s">
        <v>2</v>
      </c>
    </row>
    <row r="212" spans="1:7" x14ac:dyDescent="0.35">
      <c r="A212" s="1" t="s">
        <v>62</v>
      </c>
      <c r="D212" s="1" t="s">
        <v>46</v>
      </c>
      <c r="E212" s="1" t="s">
        <v>46</v>
      </c>
      <c r="F212" s="1" t="s">
        <v>75</v>
      </c>
      <c r="G212" s="3" t="s">
        <v>0</v>
      </c>
    </row>
    <row r="213" spans="1:7" x14ac:dyDescent="0.35">
      <c r="A213" s="1" t="s">
        <v>52</v>
      </c>
      <c r="D213" s="1" t="s">
        <v>76</v>
      </c>
      <c r="E213" s="1" t="s">
        <v>76</v>
      </c>
      <c r="F213" s="1" t="s">
        <v>77</v>
      </c>
      <c r="G213" s="3" t="s">
        <v>78</v>
      </c>
    </row>
    <row r="214" spans="1:7" x14ac:dyDescent="0.35">
      <c r="D214" s="10" t="s">
        <v>234</v>
      </c>
    </row>
    <row r="215" spans="1:7" x14ac:dyDescent="0.35">
      <c r="A215" s="1" t="s">
        <v>62</v>
      </c>
      <c r="B215" s="1" t="s">
        <v>297</v>
      </c>
      <c r="C215" s="1" t="s">
        <v>309</v>
      </c>
      <c r="D215" s="1" t="s">
        <v>45</v>
      </c>
      <c r="E215" s="1" t="s">
        <v>45</v>
      </c>
      <c r="F215" s="1" t="s">
        <v>74</v>
      </c>
      <c r="G215" s="3" t="s">
        <v>0</v>
      </c>
    </row>
    <row r="216" spans="1:7" x14ac:dyDescent="0.35">
      <c r="A216" s="1" t="s">
        <v>163</v>
      </c>
      <c r="D216" s="8" t="s">
        <v>155</v>
      </c>
      <c r="E216" s="1" t="s">
        <v>154</v>
      </c>
      <c r="F216" s="1" t="s">
        <v>29</v>
      </c>
      <c r="G216" s="1" t="s">
        <v>2</v>
      </c>
    </row>
    <row r="217" spans="1:7" x14ac:dyDescent="0.35">
      <c r="A217" s="1" t="s">
        <v>96</v>
      </c>
      <c r="D217" s="1" t="s">
        <v>105</v>
      </c>
      <c r="E217" s="1" t="s">
        <v>105</v>
      </c>
      <c r="F217" s="1" t="s">
        <v>106</v>
      </c>
      <c r="G217" s="1" t="s">
        <v>2</v>
      </c>
    </row>
    <row r="218" spans="1:7" x14ac:dyDescent="0.35">
      <c r="D218" s="8" t="s">
        <v>206</v>
      </c>
    </row>
  </sheetData>
  <sheetProtection selectLockedCells="1" selectUnlockedCells="1"/>
  <sortState ref="A2:H222">
    <sortCondition ref="D2:D222"/>
  </sortState>
  <phoneticPr fontId="9" type="noConversion"/>
  <pageMargins left="0.78749999999999998" right="0.78749999999999998" top="1.0527777777777778" bottom="1.0527777777777778" header="0.78749999999999998" footer="0.78749999999999998"/>
  <pageSetup paperSize="9" orientation="portrait" useFirstPageNumber="1" horizontalDpi="300" verticalDpi="300" r:id="rId1"/>
  <headerFooter alignWithMargins="0">
    <oddHeader>&amp;C&amp;"Times New Roman,Standaard"&amp;12&amp;A</oddHeader>
    <oddFooter>&amp;C&amp;"Times New Roman,Standaard"&amp;12Pagina &amp;P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"/>
  <sheetViews>
    <sheetView workbookViewId="0">
      <selection activeCell="A3" sqref="A3:A127"/>
    </sheetView>
  </sheetViews>
  <sheetFormatPr defaultRowHeight="12.5" x14ac:dyDescent="0.25"/>
  <sheetData>
    <row r="2" spans="1:1" ht="15.5" x14ac:dyDescent="0.35">
      <c r="A2" s="1"/>
    </row>
  </sheetData>
  <sortState ref="A1:A128">
    <sortCondition ref="A1:A128"/>
  </sortState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Comparison</vt:lpstr>
      <vt:lpstr>To-Do in the futur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riana Sullivan</dc:creator>
  <cp:lastModifiedBy>Briana Sullivan</cp:lastModifiedBy>
  <dcterms:created xsi:type="dcterms:W3CDTF">2017-04-10T15:29:18Z</dcterms:created>
  <dcterms:modified xsi:type="dcterms:W3CDTF">2018-02-22T22:38:00Z</dcterms:modified>
</cp:coreProperties>
</file>